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100\Desktop\R6法改正\新様式\"/>
    </mc:Choice>
  </mc:AlternateContent>
  <xr:revisionPtr revIDLastSave="0" documentId="8_{4114F9F4-8E92-42F5-BA06-646E498F0F82}" xr6:coauthVersionLast="47" xr6:coauthVersionMax="47" xr10:uidLastSave="{00000000-0000-0000-0000-000000000000}"/>
  <bookViews>
    <workbookView xWindow="-120" yWindow="-120" windowWidth="20730" windowHeight="11160" xr2:uid="{BC37DC52-676D-42E8-8024-FCAA69265EF7}"/>
  </bookViews>
  <sheets>
    <sheet name="別紙17" sheetId="2" r:id="rId1"/>
    <sheet name="Sheet1" sheetId="1" r:id="rId2"/>
  </sheets>
  <externalReferences>
    <externalReference r:id="rId3"/>
    <externalReference r:id="rId4"/>
    <externalReference r:id="rId5"/>
  </externalReferences>
  <definedNames>
    <definedName name="ｋ">#N/A</definedName>
    <definedName name="_xlnm.Print_Area" localSheetId="0">別紙17!$A$1:$Z$45</definedName>
    <definedName name="サービス種別">[1]サービス種類一覧!$B$4:$B$20</definedName>
    <definedName name="サービス種類">[2]サービス種類一覧!$C$4:$C$20</definedName>
    <definedName name="サービス名">#N/A</definedName>
    <definedName name="サービス名称">#N/A</definedName>
    <definedName name="だだ">#N/A</definedName>
    <definedName name="っっｋ">#N/A</definedName>
    <definedName name="っっっっｌ">#N/A</definedName>
    <definedName name="確認">#N/A</definedName>
    <definedName name="種類">[3]サービス種類一覧!$A$4:$A$20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2" uniqueCount="26">
  <si>
    <t>（別紙17）</t>
    <phoneticPr fontId="4"/>
  </si>
  <si>
    <t>専門管理加算に係る届出書</t>
    <rPh sb="0" eb="2">
      <t>センモン</t>
    </rPh>
    <rPh sb="2" eb="4">
      <t>カンリ</t>
    </rPh>
    <rPh sb="4" eb="6">
      <t>カサン</t>
    </rPh>
    <rPh sb="7" eb="8">
      <t>カカ</t>
    </rPh>
    <rPh sb="9" eb="12">
      <t>トドケデショ</t>
    </rPh>
    <phoneticPr fontId="4"/>
  </si>
  <si>
    <t>事 業 所 名</t>
  </si>
  <si>
    <t>異動等区分</t>
    <phoneticPr fontId="4"/>
  </si>
  <si>
    <t>□</t>
  </si>
  <si>
    <t>1　新規</t>
    <phoneticPr fontId="4"/>
  </si>
  <si>
    <t>2　変更</t>
    <phoneticPr fontId="4"/>
  </si>
  <si>
    <t>3　終了</t>
    <phoneticPr fontId="4"/>
  </si>
  <si>
    <t>施設等の区分</t>
    <phoneticPr fontId="4"/>
  </si>
  <si>
    <t>1　(介護予防）訪問看護事業所（訪問看護ステーション）</t>
    <phoneticPr fontId="4"/>
  </si>
  <si>
    <t>2　(介護予防）訪問看護事業所（病院又は診療所）</t>
    <phoneticPr fontId="4"/>
  </si>
  <si>
    <t>3　看護小規模多機能型居宅介護事業所</t>
    <phoneticPr fontId="4"/>
  </si>
  <si>
    <t>届 出 事 項</t>
    <rPh sb="4" eb="5">
      <t>コト</t>
    </rPh>
    <rPh sb="6" eb="7">
      <t>コウ</t>
    </rPh>
    <phoneticPr fontId="4"/>
  </si>
  <si>
    <t>1　緩和ケア</t>
    <rPh sb="2" eb="4">
      <t>カンワ</t>
    </rPh>
    <phoneticPr fontId="4"/>
  </si>
  <si>
    <t>2　褥瘡ケア</t>
    <rPh sb="2" eb="4">
      <t>ジョクソウ</t>
    </rPh>
    <phoneticPr fontId="4"/>
  </si>
  <si>
    <t>3　人工肛門ケア及び人工膀胱ケア</t>
    <rPh sb="2" eb="4">
      <t>ジンコウ</t>
    </rPh>
    <rPh sb="4" eb="6">
      <t>コウモン</t>
    </rPh>
    <rPh sb="8" eb="9">
      <t>オヨ</t>
    </rPh>
    <rPh sb="10" eb="12">
      <t>ジンコウ</t>
    </rPh>
    <rPh sb="12" eb="14">
      <t>ボウコウ</t>
    </rPh>
    <phoneticPr fontId="4"/>
  </si>
  <si>
    <t>4　特定行為</t>
    <rPh sb="2" eb="4">
      <t>トクテイ</t>
    </rPh>
    <rPh sb="4" eb="6">
      <t>コウイ</t>
    </rPh>
    <phoneticPr fontId="4"/>
  </si>
  <si>
    <t>専門管理加算に係る届出内容</t>
    <rPh sb="0" eb="2">
      <t>センモン</t>
    </rPh>
    <rPh sb="2" eb="4">
      <t>カンリ</t>
    </rPh>
    <rPh sb="4" eb="6">
      <t>カサン</t>
    </rPh>
    <phoneticPr fontId="4"/>
  </si>
  <si>
    <t>1　緩和ケアに関する専門研修</t>
    <rPh sb="2" eb="4">
      <t>カンワ</t>
    </rPh>
    <rPh sb="7" eb="8">
      <t>カン</t>
    </rPh>
    <rPh sb="10" eb="12">
      <t>センモン</t>
    </rPh>
    <rPh sb="12" eb="14">
      <t>ケンシュウ</t>
    </rPh>
    <phoneticPr fontId="4"/>
  </si>
  <si>
    <t>氏名</t>
    <rPh sb="0" eb="2">
      <t>シメイ</t>
    </rPh>
    <phoneticPr fontId="4"/>
  </si>
  <si>
    <t>2　褥瘡ケアに関する専門研修</t>
    <rPh sb="2" eb="4">
      <t>ジョクソウ</t>
    </rPh>
    <rPh sb="7" eb="8">
      <t>カン</t>
    </rPh>
    <rPh sb="10" eb="12">
      <t>センモン</t>
    </rPh>
    <rPh sb="12" eb="14">
      <t>ケンシュウ</t>
    </rPh>
    <phoneticPr fontId="4"/>
  </si>
  <si>
    <t>3　人工肛門ケア及び人工膀胱ケアに関する専門研修</t>
    <rPh sb="2" eb="4">
      <t>ジンコウ</t>
    </rPh>
    <rPh sb="4" eb="6">
      <t>コウモン</t>
    </rPh>
    <rPh sb="8" eb="9">
      <t>オヨ</t>
    </rPh>
    <rPh sb="10" eb="12">
      <t>ジンコウ</t>
    </rPh>
    <rPh sb="12" eb="14">
      <t>ボウコウ</t>
    </rPh>
    <rPh sb="17" eb="18">
      <t>カン</t>
    </rPh>
    <rPh sb="20" eb="22">
      <t>センモン</t>
    </rPh>
    <rPh sb="22" eb="24">
      <t>ケンシュウ</t>
    </rPh>
    <phoneticPr fontId="4"/>
  </si>
  <si>
    <t>4　特定行為研修</t>
    <rPh sb="2" eb="4">
      <t>トクテイ</t>
    </rPh>
    <rPh sb="4" eb="6">
      <t>コウイ</t>
    </rPh>
    <rPh sb="6" eb="8">
      <t>ケンシュウ</t>
    </rPh>
    <phoneticPr fontId="4"/>
  </si>
  <si>
    <t>備考　１、２、３又は４の専門の研修を修了したことが確認できる文書（当該研修の名称、</t>
    <phoneticPr fontId="4"/>
  </si>
  <si>
    <t>　　敷いている場合について提出してください。</t>
    <phoneticPr fontId="4"/>
  </si>
  <si>
    <t>実施主体、修了日及び修了者の氏名等を記載した一覧でも可）を添付すること。</t>
    <rPh sb="10" eb="12">
      <t>シュウリョウ</t>
    </rPh>
    <rPh sb="12" eb="13">
      <t>ヒ</t>
    </rPh>
    <rPh sb="13" eb="14">
      <t>オヨ</t>
    </rPh>
    <rPh sb="15" eb="18">
      <t>シュウリョウシャ</t>
    </rPh>
    <rPh sb="19" eb="21">
      <t>シメイ</t>
    </rPh>
    <rPh sb="21" eb="22">
      <t>トウ</t>
    </rPh>
    <rPh sb="23" eb="25">
      <t>キサイ</t>
    </rPh>
    <rPh sb="27" eb="29">
      <t>イチラン</t>
    </rPh>
    <rPh sb="31" eb="32">
      <t>カ</t>
    </rPh>
    <rPh sb="34" eb="36">
      <t>テンプ</t>
    </rPh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color theme="1"/>
      <name val="游ゴシック"/>
      <family val="2"/>
      <charset val="128"/>
      <scheme val="minor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>
      <alignment vertical="center"/>
    </xf>
    <xf numFmtId="0" fontId="1" fillId="0" borderId="0"/>
  </cellStyleXfs>
  <cellXfs count="40">
    <xf numFmtId="0" fontId="0" fillId="0" borderId="0" xfId="0">
      <alignment vertical="center"/>
    </xf>
    <xf numFmtId="0" fontId="2" fillId="0" borderId="0" xfId="1" applyFont="1" applyAlignment="1">
      <alignment horizontal="left" vertical="center"/>
    </xf>
    <xf numFmtId="0" fontId="1" fillId="0" borderId="0" xfId="1"/>
    <xf numFmtId="0" fontId="2" fillId="0" borderId="0" xfId="1" applyFont="1" applyAlignment="1">
      <alignment horizontal="center" vertical="center"/>
    </xf>
    <xf numFmtId="0" fontId="2" fillId="0" borderId="1" xfId="1" applyFont="1" applyBorder="1" applyAlignment="1">
      <alignment horizontal="center" vertical="center"/>
    </xf>
    <xf numFmtId="0" fontId="2" fillId="0" borderId="2" xfId="1" applyFont="1" applyBorder="1" applyAlignment="1">
      <alignment horizontal="left" vertical="center"/>
    </xf>
    <xf numFmtId="0" fontId="2" fillId="0" borderId="3" xfId="1" applyFont="1" applyBorder="1" applyAlignment="1">
      <alignment horizontal="left" vertical="center"/>
    </xf>
    <xf numFmtId="0" fontId="2" fillId="0" borderId="4" xfId="1" applyFont="1" applyBorder="1" applyAlignment="1">
      <alignment horizontal="left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vertical="center"/>
    </xf>
    <xf numFmtId="0" fontId="2" fillId="0" borderId="0" xfId="1" applyFont="1" applyAlignment="1">
      <alignment horizontal="center" vertical="center"/>
    </xf>
    <xf numFmtId="0" fontId="2" fillId="0" borderId="3" xfId="1" applyFont="1" applyBorder="1" applyAlignment="1">
      <alignment horizontal="left" vertical="center"/>
    </xf>
    <xf numFmtId="0" fontId="2" fillId="0" borderId="4" xfId="1" applyFont="1" applyBorder="1" applyAlignment="1">
      <alignment horizontal="left" vertical="center"/>
    </xf>
    <xf numFmtId="0" fontId="2" fillId="0" borderId="5" xfId="1" applyFont="1" applyBorder="1" applyAlignment="1">
      <alignment horizontal="center" vertical="center"/>
    </xf>
    <xf numFmtId="0" fontId="2" fillId="0" borderId="6" xfId="1" applyFont="1" applyBorder="1" applyAlignment="1">
      <alignment horizontal="center" vertical="center"/>
    </xf>
    <xf numFmtId="0" fontId="2" fillId="0" borderId="7" xfId="1" applyFont="1" applyBorder="1" applyAlignment="1">
      <alignment horizontal="center" vertical="center"/>
    </xf>
    <xf numFmtId="0" fontId="2" fillId="0" borderId="6" xfId="1" applyFont="1" applyBorder="1" applyAlignment="1">
      <alignment horizontal="left" vertical="center"/>
    </xf>
    <xf numFmtId="0" fontId="2" fillId="0" borderId="6" xfId="1" applyFont="1" applyBorder="1" applyAlignment="1">
      <alignment horizontal="left" vertical="center" wrapText="1"/>
    </xf>
    <xf numFmtId="0" fontId="2" fillId="0" borderId="7" xfId="1" applyFont="1" applyBorder="1" applyAlignment="1">
      <alignment horizontal="left" vertical="center" wrapText="1"/>
    </xf>
    <xf numFmtId="0" fontId="2" fillId="0" borderId="8" xfId="1" applyFont="1" applyBorder="1" applyAlignment="1">
      <alignment horizontal="center" vertical="center"/>
    </xf>
    <xf numFmtId="0" fontId="2" fillId="0" borderId="9" xfId="1" applyFont="1" applyBorder="1" applyAlignment="1">
      <alignment horizontal="center" vertical="center"/>
    </xf>
    <xf numFmtId="0" fontId="2" fillId="0" borderId="0" xfId="1" applyFont="1" applyAlignment="1">
      <alignment horizontal="left" vertical="center" wrapText="1"/>
    </xf>
    <xf numFmtId="0" fontId="2" fillId="0" borderId="9" xfId="1" applyFont="1" applyBorder="1" applyAlignment="1">
      <alignment horizontal="left" vertical="center" wrapText="1"/>
    </xf>
    <xf numFmtId="0" fontId="2" fillId="0" borderId="10" xfId="1" applyFont="1" applyBorder="1" applyAlignment="1">
      <alignment horizontal="center" vertical="center"/>
    </xf>
    <xf numFmtId="0" fontId="2" fillId="0" borderId="11" xfId="1" applyFont="1" applyBorder="1" applyAlignment="1">
      <alignment horizontal="center" vertical="center"/>
    </xf>
    <xf numFmtId="0" fontId="2" fillId="0" borderId="12" xfId="1" applyFont="1" applyBorder="1" applyAlignment="1">
      <alignment horizontal="center" vertical="center"/>
    </xf>
    <xf numFmtId="0" fontId="2" fillId="0" borderId="10" xfId="1" applyFont="1" applyBorder="1" applyAlignment="1">
      <alignment horizontal="center" vertical="center"/>
    </xf>
    <xf numFmtId="0" fontId="2" fillId="0" borderId="11" xfId="1" applyFont="1" applyBorder="1" applyAlignment="1">
      <alignment horizontal="left" vertical="center"/>
    </xf>
    <xf numFmtId="0" fontId="2" fillId="0" borderId="11" xfId="1" applyFont="1" applyBorder="1" applyAlignment="1">
      <alignment horizontal="left" vertical="center" wrapText="1"/>
    </xf>
    <xf numFmtId="0" fontId="2" fillId="0" borderId="12" xfId="1" applyFont="1" applyBorder="1" applyAlignment="1">
      <alignment horizontal="left" vertical="center" wrapText="1"/>
    </xf>
    <xf numFmtId="0" fontId="2" fillId="0" borderId="5" xfId="1" applyFont="1" applyBorder="1" applyAlignment="1">
      <alignment horizontal="left" vertical="center"/>
    </xf>
    <xf numFmtId="0" fontId="2" fillId="0" borderId="7" xfId="1" applyFont="1" applyBorder="1" applyAlignment="1">
      <alignment horizontal="left" vertical="center"/>
    </xf>
    <xf numFmtId="0" fontId="2" fillId="0" borderId="8" xfId="1" applyFont="1" applyBorder="1" applyAlignment="1">
      <alignment horizontal="left" vertical="center"/>
    </xf>
    <xf numFmtId="0" fontId="2" fillId="0" borderId="9" xfId="1" applyFont="1" applyBorder="1" applyAlignment="1">
      <alignment horizontal="left" vertical="center"/>
    </xf>
    <xf numFmtId="0" fontId="2" fillId="0" borderId="2" xfId="1" applyFont="1" applyBorder="1" applyAlignment="1">
      <alignment horizontal="center" vertical="center"/>
    </xf>
    <xf numFmtId="0" fontId="2" fillId="0" borderId="3" xfId="1" applyFont="1" applyBorder="1" applyAlignment="1">
      <alignment horizontal="center" vertical="center"/>
    </xf>
    <xf numFmtId="0" fontId="2" fillId="0" borderId="4" xfId="1" applyFont="1" applyBorder="1" applyAlignment="1">
      <alignment horizontal="center" vertical="center"/>
    </xf>
    <xf numFmtId="0" fontId="2" fillId="0" borderId="0" xfId="1" applyFont="1" applyAlignment="1">
      <alignment vertical="center"/>
    </xf>
    <xf numFmtId="0" fontId="2" fillId="0" borderId="10" xfId="1" applyFont="1" applyBorder="1" applyAlignment="1">
      <alignment horizontal="left" vertical="center"/>
    </xf>
    <xf numFmtId="0" fontId="1" fillId="0" borderId="8" xfId="1" applyBorder="1"/>
  </cellXfs>
  <cellStyles count="2">
    <cellStyle name="標準" xfId="0" builtinId="0"/>
    <cellStyle name="標準 2" xfId="1" xr:uid="{55EE714E-A4B8-4B9B-808C-D2AB82AB6BD1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1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3.xml"/><Relationship Id="rId4" Type="http://schemas.openxmlformats.org/officeDocument/2006/relationships/externalLink" Target="externalLinks/externalLink2.xml"/></Relationships>
</file>

<file path=xl/externalLinks/_rels/externalLink1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1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2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microsoft.com/office/2006/relationships/xlExternalLinkPath/xlPathMissing" Target="&#22238;&#24489;&#12373;&#12428;&#12383;&#22806;&#37096;&#12522;&#12531;&#12463;3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>
        <row r="4">
          <cell r="B4" t="str">
            <v>訪問介護（介護予防含む）</v>
          </cell>
        </row>
        <row r="5">
          <cell r="B5" t="str">
            <v>夜間対応型訪問介護</v>
          </cell>
        </row>
        <row r="6">
          <cell r="B6" t="str">
            <v>訪問入浴介護（介護予防含む）</v>
          </cell>
        </row>
        <row r="7">
          <cell r="B7" t="str">
            <v>通所介護（介護予防含む）</v>
          </cell>
        </row>
        <row r="8">
          <cell r="B8" t="str">
            <v>認知症対応型通所介護（介護予防含む）</v>
          </cell>
        </row>
        <row r="9">
          <cell r="B9" t="str">
            <v>通所リハビリテーション（介護予防含む）</v>
          </cell>
        </row>
        <row r="10">
          <cell r="B10" t="str">
            <v>短期入所生活介護（介護予防含む）</v>
          </cell>
        </row>
        <row r="11">
          <cell r="B11" t="str">
            <v>短期入所療養介護（老健）（介護予防含む）</v>
          </cell>
        </row>
        <row r="12">
          <cell r="B12" t="str">
            <v>短期入所療養介護（老健以外）（介護予防含む）</v>
          </cell>
        </row>
        <row r="13">
          <cell r="B13" t="str">
            <v>特定施設入居者生活介護（介護予防含む）</v>
          </cell>
        </row>
        <row r="14">
          <cell r="B14" t="str">
            <v>地域密着型特定施設入居者生活介護</v>
          </cell>
        </row>
        <row r="15">
          <cell r="B15" t="str">
            <v>認知症対応型共同生活介護（介護予防含む）</v>
          </cell>
        </row>
        <row r="16">
          <cell r="B16" t="str">
            <v>小規模多機能型居宅介護（介護予防含む）</v>
          </cell>
        </row>
        <row r="17">
          <cell r="B17" t="str">
            <v>介護福祉施設サービス</v>
          </cell>
        </row>
        <row r="18">
          <cell r="B18" t="str">
            <v>地域密着型介護老人福祉施設</v>
          </cell>
        </row>
        <row r="19">
          <cell r="B19" t="str">
            <v>介護保健施設サービス</v>
          </cell>
        </row>
        <row r="20">
          <cell r="B20" t="str">
            <v>介護療養施設サービス</v>
          </cell>
        </row>
      </sheetData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>
        <row r="4">
          <cell r="C4" t="str">
            <v>訪問介護（介護予防含む）</v>
          </cell>
        </row>
        <row r="5">
          <cell r="C5" t="str">
            <v>夜間対応型訪問介護</v>
          </cell>
        </row>
        <row r="6">
          <cell r="C6" t="str">
            <v>訪問入浴介護（介護予防含む）</v>
          </cell>
        </row>
        <row r="7">
          <cell r="C7" t="str">
            <v>通所介護（介護予防含む）</v>
          </cell>
        </row>
        <row r="8">
          <cell r="C8" t="str">
            <v>認知症対応型通所介護（介護予防含む）</v>
          </cell>
        </row>
        <row r="9">
          <cell r="C9" t="str">
            <v>通所リハビリテーション（介護予防含む）</v>
          </cell>
        </row>
        <row r="10">
          <cell r="C10" t="str">
            <v>短期入所生活介護（介護予防含む）</v>
          </cell>
        </row>
        <row r="11">
          <cell r="C11" t="str">
            <v>短期入所療養介護（老健）（介護予防含む）</v>
          </cell>
        </row>
        <row r="12">
          <cell r="C12" t="str">
            <v>短期入所療養介護（老健以外）（介護予防含む）</v>
          </cell>
        </row>
        <row r="13">
          <cell r="C13" t="str">
            <v>特定施設入居者生活介護（介護予防含む）</v>
          </cell>
        </row>
        <row r="14">
          <cell r="C14" t="str">
            <v>地域密着型特定施設入居者生活介護</v>
          </cell>
        </row>
        <row r="15">
          <cell r="C15" t="str">
            <v>認知症対応型共同生活介護（介護予防含む）</v>
          </cell>
        </row>
        <row r="16">
          <cell r="C16" t="str">
            <v>小規模多機能型居宅介護（介護予防含む）</v>
          </cell>
        </row>
        <row r="17">
          <cell r="C17" t="str">
            <v>介護福祉施設サービス</v>
          </cell>
        </row>
        <row r="18">
          <cell r="C18" t="str">
            <v>地域密着型介護老人福祉施設</v>
          </cell>
        </row>
        <row r="19">
          <cell r="C19" t="str">
            <v>介護保健施設サービス</v>
          </cell>
        </row>
        <row r="20">
          <cell r="C20" t="str">
            <v>介護療養施設サービス</v>
          </cell>
        </row>
      </sheetData>
      <sheetData sheetId="4"/>
      <sheetData sheetId="5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  <sheetName val="別表加算率一覧"/>
    </sheetNames>
    <sheetDataSet>
      <sheetData sheetId="0"/>
      <sheetData sheetId="1"/>
      <sheetData sheetId="2"/>
      <sheetData sheetId="3"/>
      <sheetData sheetId="4"/>
      <sheetData sheetId="5">
        <row r="4">
          <cell r="A4" t="str">
            <v>訪問介護（介護予防含む）</v>
          </cell>
        </row>
        <row r="5">
          <cell r="A5" t="str">
            <v>夜間対応型訪問介護</v>
          </cell>
        </row>
        <row r="6">
          <cell r="A6" t="str">
            <v>訪問入浴介護（介護予防含む）</v>
          </cell>
        </row>
        <row r="7">
          <cell r="A7" t="str">
            <v>通所介護（介護予防含む）</v>
          </cell>
        </row>
        <row r="8">
          <cell r="A8" t="str">
            <v>認知症対応型通所介護（介護予防含む）</v>
          </cell>
        </row>
        <row r="9">
          <cell r="A9" t="str">
            <v>通所リハビリテーション（介護予防含む）</v>
          </cell>
        </row>
        <row r="10">
          <cell r="A10" t="str">
            <v>短期入所生活介護（介護予防含む）</v>
          </cell>
        </row>
        <row r="11">
          <cell r="A11" t="str">
            <v>短期入所療養介護（老健）（介護予防含む）</v>
          </cell>
        </row>
        <row r="12">
          <cell r="A12" t="str">
            <v>短期入所療養介護（老健以外）（介護予防含む）</v>
          </cell>
        </row>
        <row r="13">
          <cell r="A13" t="str">
            <v>特定施設入居者生活介護（介護予防含む）</v>
          </cell>
        </row>
        <row r="14">
          <cell r="A14" t="str">
            <v>地域密着型特定施設入居者生活介護</v>
          </cell>
        </row>
        <row r="15">
          <cell r="A15" t="str">
            <v>認知症対応型共同生活介護（介護予防含む）</v>
          </cell>
        </row>
        <row r="16">
          <cell r="A16" t="str">
            <v>小規模多機能型居宅介護（介護予防含む）</v>
          </cell>
        </row>
        <row r="17">
          <cell r="A17" t="str">
            <v>介護福祉施設サービス</v>
          </cell>
        </row>
        <row r="18">
          <cell r="A18" t="str">
            <v>地域密着型介護老人福祉施設</v>
          </cell>
        </row>
        <row r="19">
          <cell r="A19" t="str">
            <v>介護保健施設サービス</v>
          </cell>
        </row>
        <row r="20">
          <cell r="A20" t="str">
            <v>介護療養施設サービス</v>
          </cell>
        </row>
      </sheetData>
      <sheetData sheetId="6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FD40BAF-ED58-4D43-AD5D-A6232AE64C4E}">
  <dimension ref="A2:AB123"/>
  <sheetViews>
    <sheetView tabSelected="1" zoomScaleNormal="100" zoomScaleSheetLayoutView="85" workbookViewId="0">
      <selection activeCell="F61" sqref="F61"/>
    </sheetView>
  </sheetViews>
  <sheetFormatPr defaultColWidth="4" defaultRowHeight="13.5" x14ac:dyDescent="0.4"/>
  <cols>
    <col min="1" max="1" width="1.5" style="1" customWidth="1"/>
    <col min="2" max="2" width="2.375" style="1" customWidth="1"/>
    <col min="3" max="3" width="1.125" style="1" customWidth="1"/>
    <col min="4" max="20" width="4" style="1"/>
    <col min="21" max="21" width="2.375" style="1" customWidth="1"/>
    <col min="22" max="22" width="4" style="1"/>
    <col min="23" max="23" width="2.25" style="1" customWidth="1"/>
    <col min="24" max="24" width="4" style="1"/>
    <col min="25" max="25" width="2.375" style="1" customWidth="1"/>
    <col min="26" max="26" width="1.5" style="1" customWidth="1"/>
    <col min="27" max="16384" width="4" style="1"/>
  </cols>
  <sheetData>
    <row r="2" spans="2:25" x14ac:dyDescent="0.15">
      <c r="B2" s="1" t="s">
        <v>0</v>
      </c>
      <c r="C2" s="2"/>
      <c r="D2" s="2"/>
      <c r="E2" s="2"/>
      <c r="F2" s="2"/>
      <c r="G2" s="2"/>
      <c r="H2" s="2"/>
      <c r="I2" s="2"/>
      <c r="J2" s="2"/>
      <c r="K2" s="2"/>
      <c r="L2" s="2"/>
      <c r="M2" s="2"/>
      <c r="N2" s="2"/>
      <c r="O2" s="2"/>
      <c r="P2" s="2"/>
      <c r="Q2" s="2"/>
      <c r="R2" s="2"/>
      <c r="S2" s="2"/>
      <c r="T2" s="2"/>
      <c r="U2" s="2"/>
      <c r="V2" s="2"/>
      <c r="W2" s="2"/>
      <c r="X2" s="2"/>
      <c r="Y2" s="2"/>
    </row>
    <row r="4" spans="2:25" x14ac:dyDescent="0.4">
      <c r="B4" s="3" t="s">
        <v>1</v>
      </c>
      <c r="C4" s="3"/>
      <c r="D4" s="3"/>
      <c r="E4" s="3"/>
      <c r="F4" s="3"/>
      <c r="G4" s="3"/>
      <c r="H4" s="3"/>
      <c r="I4" s="3"/>
      <c r="J4" s="3"/>
      <c r="K4" s="3"/>
      <c r="L4" s="3"/>
      <c r="M4" s="3"/>
      <c r="N4" s="3"/>
      <c r="O4" s="3"/>
      <c r="P4" s="3"/>
      <c r="Q4" s="3"/>
      <c r="R4" s="3"/>
      <c r="S4" s="3"/>
      <c r="T4" s="3"/>
      <c r="U4" s="3"/>
      <c r="V4" s="3"/>
      <c r="W4" s="3"/>
      <c r="X4" s="3"/>
      <c r="Y4" s="3"/>
    </row>
    <row r="6" spans="2:25" ht="23.25" customHeight="1" x14ac:dyDescent="0.4">
      <c r="B6" s="4" t="s">
        <v>2</v>
      </c>
      <c r="C6" s="4"/>
      <c r="D6" s="4"/>
      <c r="E6" s="4"/>
      <c r="F6" s="4"/>
      <c r="G6" s="5"/>
      <c r="H6" s="6"/>
      <c r="I6" s="6"/>
      <c r="J6" s="6"/>
      <c r="K6" s="6"/>
      <c r="L6" s="6"/>
      <c r="M6" s="6"/>
      <c r="N6" s="6"/>
      <c r="O6" s="6"/>
      <c r="P6" s="6"/>
      <c r="Q6" s="6"/>
      <c r="R6" s="6"/>
      <c r="S6" s="6"/>
      <c r="T6" s="6"/>
      <c r="U6" s="6"/>
      <c r="V6" s="6"/>
      <c r="W6" s="6"/>
      <c r="X6" s="6"/>
      <c r="Y6" s="7"/>
    </row>
    <row r="7" spans="2:25" ht="23.25" customHeight="1" x14ac:dyDescent="0.4">
      <c r="B7" s="4" t="s">
        <v>3</v>
      </c>
      <c r="C7" s="4"/>
      <c r="D7" s="4"/>
      <c r="E7" s="4"/>
      <c r="F7" s="4"/>
      <c r="G7" s="8" t="s">
        <v>4</v>
      </c>
      <c r="H7" s="9" t="s">
        <v>5</v>
      </c>
      <c r="I7" s="9"/>
      <c r="J7" s="9"/>
      <c r="K7" s="9"/>
      <c r="L7" s="10" t="s">
        <v>4</v>
      </c>
      <c r="M7" s="9" t="s">
        <v>6</v>
      </c>
      <c r="N7" s="9"/>
      <c r="O7" s="9"/>
      <c r="P7" s="9"/>
      <c r="Q7" s="10" t="s">
        <v>4</v>
      </c>
      <c r="R7" s="9" t="s">
        <v>7</v>
      </c>
      <c r="S7" s="9"/>
      <c r="T7" s="9"/>
      <c r="U7" s="9"/>
      <c r="V7" s="9"/>
      <c r="W7" s="11"/>
      <c r="X7" s="11"/>
      <c r="Y7" s="12"/>
    </row>
    <row r="8" spans="2:25" ht="20.100000000000001" customHeight="1" x14ac:dyDescent="0.4">
      <c r="B8" s="13" t="s">
        <v>8</v>
      </c>
      <c r="C8" s="14"/>
      <c r="D8" s="14"/>
      <c r="E8" s="14"/>
      <c r="F8" s="15"/>
      <c r="G8" s="10" t="s">
        <v>4</v>
      </c>
      <c r="H8" s="16" t="s">
        <v>9</v>
      </c>
      <c r="I8" s="17"/>
      <c r="J8" s="17"/>
      <c r="K8" s="17"/>
      <c r="L8" s="17"/>
      <c r="M8" s="17"/>
      <c r="N8" s="17"/>
      <c r="O8" s="17"/>
      <c r="P8" s="17"/>
      <c r="Q8" s="17"/>
      <c r="R8" s="17"/>
      <c r="S8" s="17"/>
      <c r="T8" s="17"/>
      <c r="U8" s="17"/>
      <c r="V8" s="17"/>
      <c r="W8" s="17"/>
      <c r="X8" s="17"/>
      <c r="Y8" s="18"/>
    </row>
    <row r="9" spans="2:25" ht="20.100000000000001" customHeight="1" x14ac:dyDescent="0.4">
      <c r="B9" s="19"/>
      <c r="C9" s="3"/>
      <c r="D9" s="3"/>
      <c r="E9" s="3"/>
      <c r="F9" s="20"/>
      <c r="G9" s="10" t="s">
        <v>4</v>
      </c>
      <c r="H9" s="1" t="s">
        <v>10</v>
      </c>
      <c r="I9" s="21"/>
      <c r="J9" s="21"/>
      <c r="K9" s="21"/>
      <c r="L9" s="21"/>
      <c r="M9" s="21"/>
      <c r="N9" s="21"/>
      <c r="O9" s="21"/>
      <c r="P9" s="21"/>
      <c r="Q9" s="21"/>
      <c r="R9" s="21"/>
      <c r="S9" s="21"/>
      <c r="T9" s="21"/>
      <c r="U9" s="21"/>
      <c r="V9" s="21"/>
      <c r="W9" s="21"/>
      <c r="X9" s="21"/>
      <c r="Y9" s="22"/>
    </row>
    <row r="10" spans="2:25" ht="20.100000000000001" customHeight="1" x14ac:dyDescent="0.4">
      <c r="B10" s="23"/>
      <c r="C10" s="24"/>
      <c r="D10" s="24"/>
      <c r="E10" s="24"/>
      <c r="F10" s="25"/>
      <c r="G10" s="26" t="s">
        <v>4</v>
      </c>
      <c r="H10" s="27" t="s">
        <v>11</v>
      </c>
      <c r="I10" s="28"/>
      <c r="J10" s="28"/>
      <c r="K10" s="28"/>
      <c r="L10" s="28"/>
      <c r="M10" s="28"/>
      <c r="N10" s="28"/>
      <c r="O10" s="28"/>
      <c r="P10" s="28"/>
      <c r="Q10" s="28"/>
      <c r="R10" s="28"/>
      <c r="S10" s="28"/>
      <c r="T10" s="28"/>
      <c r="U10" s="28"/>
      <c r="V10" s="28"/>
      <c r="W10" s="28"/>
      <c r="X10" s="28"/>
      <c r="Y10" s="29"/>
    </row>
    <row r="11" spans="2:25" ht="20.100000000000001" customHeight="1" x14ac:dyDescent="0.4">
      <c r="B11" s="13" t="s">
        <v>12</v>
      </c>
      <c r="C11" s="14"/>
      <c r="D11" s="14"/>
      <c r="E11" s="14"/>
      <c r="F11" s="15"/>
      <c r="G11" s="10" t="s">
        <v>4</v>
      </c>
      <c r="H11" s="16" t="s">
        <v>13</v>
      </c>
      <c r="I11" s="17"/>
      <c r="J11" s="17"/>
      <c r="K11" s="17"/>
      <c r="L11" s="17"/>
      <c r="M11" s="17"/>
      <c r="N11" s="17"/>
      <c r="O11" s="17"/>
      <c r="P11" s="17"/>
      <c r="Q11" s="17"/>
      <c r="R11" s="17"/>
      <c r="S11" s="17"/>
      <c r="T11" s="17"/>
      <c r="U11" s="17"/>
      <c r="V11" s="17"/>
      <c r="W11" s="17"/>
      <c r="X11" s="17"/>
      <c r="Y11" s="18"/>
    </row>
    <row r="12" spans="2:25" ht="20.100000000000001" customHeight="1" x14ac:dyDescent="0.4">
      <c r="B12" s="19"/>
      <c r="C12" s="3"/>
      <c r="D12" s="3"/>
      <c r="E12" s="3"/>
      <c r="F12" s="20"/>
      <c r="G12" s="10" t="s">
        <v>4</v>
      </c>
      <c r="H12" s="1" t="s">
        <v>14</v>
      </c>
      <c r="I12" s="21"/>
      <c r="J12" s="21"/>
      <c r="K12" s="21"/>
      <c r="L12" s="21"/>
      <c r="M12" s="21"/>
      <c r="N12" s="21"/>
      <c r="O12" s="21"/>
      <c r="P12" s="21"/>
      <c r="Q12" s="21"/>
      <c r="R12" s="21"/>
      <c r="S12" s="21"/>
      <c r="T12" s="21"/>
      <c r="U12" s="21"/>
      <c r="V12" s="21"/>
      <c r="W12" s="21"/>
      <c r="X12" s="21"/>
      <c r="Y12" s="22"/>
    </row>
    <row r="13" spans="2:25" ht="20.100000000000001" customHeight="1" x14ac:dyDescent="0.4">
      <c r="B13" s="19"/>
      <c r="C13" s="3"/>
      <c r="D13" s="3"/>
      <c r="E13" s="3"/>
      <c r="F13" s="20"/>
      <c r="G13" s="10" t="s">
        <v>4</v>
      </c>
      <c r="H13" s="1" t="s">
        <v>15</v>
      </c>
      <c r="I13" s="21"/>
      <c r="J13" s="21"/>
      <c r="K13" s="21"/>
      <c r="L13" s="21"/>
      <c r="M13" s="21"/>
      <c r="N13" s="21"/>
      <c r="O13" s="21"/>
      <c r="P13" s="21"/>
      <c r="Q13" s="21"/>
      <c r="R13" s="21"/>
      <c r="S13" s="21"/>
      <c r="T13" s="21"/>
      <c r="U13" s="21"/>
      <c r="V13" s="21"/>
      <c r="W13" s="21"/>
      <c r="X13" s="21"/>
      <c r="Y13" s="22"/>
    </row>
    <row r="14" spans="2:25" ht="20.100000000000001" customHeight="1" x14ac:dyDescent="0.4">
      <c r="B14" s="23"/>
      <c r="C14" s="24"/>
      <c r="D14" s="24"/>
      <c r="E14" s="24"/>
      <c r="F14" s="25"/>
      <c r="G14" s="26" t="s">
        <v>4</v>
      </c>
      <c r="H14" s="27" t="s">
        <v>16</v>
      </c>
      <c r="I14" s="28"/>
      <c r="J14" s="28"/>
      <c r="K14" s="28"/>
      <c r="L14" s="28"/>
      <c r="M14" s="28"/>
      <c r="N14" s="28"/>
      <c r="O14" s="28"/>
      <c r="P14" s="28"/>
      <c r="Q14" s="28"/>
      <c r="R14" s="28"/>
      <c r="S14" s="28"/>
      <c r="T14" s="28"/>
      <c r="U14" s="28"/>
      <c r="V14" s="28"/>
      <c r="W14" s="28"/>
      <c r="X14" s="28"/>
      <c r="Y14" s="29"/>
    </row>
    <row r="16" spans="2:25" x14ac:dyDescent="0.4">
      <c r="B16" s="30"/>
      <c r="C16" s="16"/>
      <c r="D16" s="16"/>
      <c r="E16" s="16"/>
      <c r="F16" s="16"/>
      <c r="G16" s="16"/>
      <c r="H16" s="16"/>
      <c r="I16" s="16"/>
      <c r="J16" s="16"/>
      <c r="K16" s="16"/>
      <c r="L16" s="16"/>
      <c r="M16" s="16"/>
      <c r="N16" s="16"/>
      <c r="O16" s="16"/>
      <c r="P16" s="16"/>
      <c r="Q16" s="16"/>
      <c r="R16" s="16"/>
      <c r="S16" s="16"/>
      <c r="T16" s="16"/>
      <c r="U16" s="16"/>
      <c r="V16" s="16"/>
      <c r="W16" s="16"/>
      <c r="X16" s="16"/>
      <c r="Y16" s="31"/>
    </row>
    <row r="17" spans="2:28" x14ac:dyDescent="0.4">
      <c r="B17" s="32" t="s">
        <v>17</v>
      </c>
      <c r="Y17" s="33"/>
    </row>
    <row r="18" spans="2:28" x14ac:dyDescent="0.4">
      <c r="B18" s="32"/>
      <c r="Y18" s="33"/>
    </row>
    <row r="19" spans="2:28" x14ac:dyDescent="0.4">
      <c r="B19" s="32"/>
      <c r="C19" s="1" t="s">
        <v>18</v>
      </c>
      <c r="K19" s="3"/>
      <c r="L19" s="3"/>
      <c r="Y19" s="33"/>
    </row>
    <row r="20" spans="2:28" ht="6.75" customHeight="1" x14ac:dyDescent="0.4">
      <c r="B20" s="32"/>
      <c r="Y20" s="33"/>
    </row>
    <row r="21" spans="2:28" ht="17.25" customHeight="1" x14ac:dyDescent="0.4">
      <c r="B21" s="32"/>
      <c r="D21" s="34" t="s">
        <v>19</v>
      </c>
      <c r="E21" s="35"/>
      <c r="F21" s="35"/>
      <c r="G21" s="35"/>
      <c r="H21" s="35"/>
      <c r="I21" s="35"/>
      <c r="J21" s="35"/>
      <c r="K21" s="35"/>
      <c r="L21" s="35"/>
      <c r="M21" s="36"/>
      <c r="N21" s="34" t="s">
        <v>19</v>
      </c>
      <c r="O21" s="35"/>
      <c r="P21" s="35"/>
      <c r="Q21" s="35"/>
      <c r="R21" s="35"/>
      <c r="S21" s="35"/>
      <c r="T21" s="35"/>
      <c r="U21" s="35"/>
      <c r="V21" s="35"/>
      <c r="W21" s="35"/>
      <c r="X21" s="36"/>
      <c r="Y21" s="33"/>
    </row>
    <row r="22" spans="2:28" ht="26.25" customHeight="1" x14ac:dyDescent="0.4">
      <c r="B22" s="32"/>
      <c r="D22" s="34"/>
      <c r="E22" s="35"/>
      <c r="F22" s="35"/>
      <c r="G22" s="35"/>
      <c r="H22" s="35"/>
      <c r="I22" s="35"/>
      <c r="J22" s="35"/>
      <c r="K22" s="35"/>
      <c r="L22" s="35"/>
      <c r="M22" s="36"/>
      <c r="N22" s="34"/>
      <c r="O22" s="35"/>
      <c r="P22" s="35"/>
      <c r="Q22" s="35"/>
      <c r="R22" s="35"/>
      <c r="S22" s="35"/>
      <c r="T22" s="35"/>
      <c r="U22" s="35"/>
      <c r="V22" s="35"/>
      <c r="W22" s="35"/>
      <c r="X22" s="36"/>
      <c r="Y22" s="33"/>
    </row>
    <row r="23" spans="2:28" x14ac:dyDescent="0.15">
      <c r="B23" s="32"/>
      <c r="M23" s="10"/>
      <c r="R23" s="10"/>
      <c r="X23" s="10"/>
      <c r="Y23" s="33"/>
      <c r="Z23" s="2"/>
      <c r="AA23" s="2"/>
      <c r="AB23" s="2"/>
    </row>
    <row r="24" spans="2:28" x14ac:dyDescent="0.4">
      <c r="B24" s="32"/>
      <c r="C24" s="1" t="s">
        <v>20</v>
      </c>
      <c r="K24" s="3"/>
      <c r="L24" s="3"/>
      <c r="Y24" s="33"/>
    </row>
    <row r="25" spans="2:28" ht="6.75" customHeight="1" x14ac:dyDescent="0.4">
      <c r="B25" s="32"/>
      <c r="Y25" s="33"/>
    </row>
    <row r="26" spans="2:28" ht="17.25" customHeight="1" x14ac:dyDescent="0.4">
      <c r="B26" s="32"/>
      <c r="D26" s="34" t="s">
        <v>19</v>
      </c>
      <c r="E26" s="35"/>
      <c r="F26" s="35"/>
      <c r="G26" s="35"/>
      <c r="H26" s="35"/>
      <c r="I26" s="35"/>
      <c r="J26" s="35"/>
      <c r="K26" s="35"/>
      <c r="L26" s="35"/>
      <c r="M26" s="36"/>
      <c r="N26" s="34" t="s">
        <v>19</v>
      </c>
      <c r="O26" s="35"/>
      <c r="P26" s="35"/>
      <c r="Q26" s="35"/>
      <c r="R26" s="35"/>
      <c r="S26" s="35"/>
      <c r="T26" s="35"/>
      <c r="U26" s="35"/>
      <c r="V26" s="35"/>
      <c r="W26" s="35"/>
      <c r="X26" s="36"/>
      <c r="Y26" s="33"/>
    </row>
    <row r="27" spans="2:28" ht="26.25" customHeight="1" x14ac:dyDescent="0.4">
      <c r="B27" s="32"/>
      <c r="D27" s="34"/>
      <c r="E27" s="35"/>
      <c r="F27" s="35"/>
      <c r="G27" s="35"/>
      <c r="H27" s="35"/>
      <c r="I27" s="35"/>
      <c r="J27" s="35"/>
      <c r="K27" s="35"/>
      <c r="L27" s="35"/>
      <c r="M27" s="36"/>
      <c r="N27" s="34"/>
      <c r="O27" s="35"/>
      <c r="P27" s="35"/>
      <c r="Q27" s="35"/>
      <c r="R27" s="35"/>
      <c r="S27" s="35"/>
      <c r="T27" s="35"/>
      <c r="U27" s="35"/>
      <c r="V27" s="35"/>
      <c r="W27" s="35"/>
      <c r="X27" s="36"/>
      <c r="Y27" s="33"/>
    </row>
    <row r="28" spans="2:28" x14ac:dyDescent="0.15">
      <c r="B28" s="32"/>
      <c r="Y28" s="33"/>
      <c r="Z28" s="2"/>
      <c r="AA28" s="2"/>
      <c r="AB28" s="2"/>
    </row>
    <row r="29" spans="2:28" x14ac:dyDescent="0.4">
      <c r="B29" s="32"/>
      <c r="C29" s="1" t="s">
        <v>21</v>
      </c>
      <c r="K29" s="37"/>
      <c r="L29" s="37"/>
      <c r="Y29" s="33"/>
    </row>
    <row r="30" spans="2:28" ht="6.75" customHeight="1" x14ac:dyDescent="0.4">
      <c r="B30" s="32"/>
      <c r="Y30" s="33"/>
    </row>
    <row r="31" spans="2:28" ht="17.25" customHeight="1" x14ac:dyDescent="0.4">
      <c r="B31" s="32"/>
      <c r="D31" s="34" t="s">
        <v>19</v>
      </c>
      <c r="E31" s="35"/>
      <c r="F31" s="35"/>
      <c r="G31" s="35"/>
      <c r="H31" s="35"/>
      <c r="I31" s="35"/>
      <c r="J31" s="35"/>
      <c r="K31" s="35"/>
      <c r="L31" s="35"/>
      <c r="M31" s="36"/>
      <c r="N31" s="34" t="s">
        <v>19</v>
      </c>
      <c r="O31" s="35"/>
      <c r="P31" s="35"/>
      <c r="Q31" s="35"/>
      <c r="R31" s="35"/>
      <c r="S31" s="35"/>
      <c r="T31" s="35"/>
      <c r="U31" s="35"/>
      <c r="V31" s="35"/>
      <c r="W31" s="35"/>
      <c r="X31" s="36"/>
      <c r="Y31" s="33"/>
    </row>
    <row r="32" spans="2:28" ht="26.25" customHeight="1" x14ac:dyDescent="0.4">
      <c r="B32" s="32"/>
      <c r="D32" s="34"/>
      <c r="E32" s="35"/>
      <c r="F32" s="35"/>
      <c r="G32" s="35"/>
      <c r="H32" s="35"/>
      <c r="I32" s="35"/>
      <c r="J32" s="35"/>
      <c r="K32" s="35"/>
      <c r="L32" s="35"/>
      <c r="M32" s="36"/>
      <c r="N32" s="34"/>
      <c r="O32" s="35"/>
      <c r="P32" s="35"/>
      <c r="Q32" s="35"/>
      <c r="R32" s="35"/>
      <c r="S32" s="35"/>
      <c r="T32" s="35"/>
      <c r="U32" s="35"/>
      <c r="V32" s="35"/>
      <c r="W32" s="35"/>
      <c r="X32" s="36"/>
      <c r="Y32" s="33"/>
    </row>
    <row r="33" spans="1:28" ht="7.5" customHeight="1" x14ac:dyDescent="0.15">
      <c r="B33" s="32"/>
      <c r="Y33" s="33"/>
      <c r="Z33" s="2"/>
      <c r="AA33" s="2"/>
      <c r="AB33" s="2"/>
    </row>
    <row r="34" spans="1:28" x14ac:dyDescent="0.4">
      <c r="B34" s="32"/>
      <c r="C34" s="1" t="s">
        <v>22</v>
      </c>
      <c r="K34" s="3"/>
      <c r="L34" s="3"/>
      <c r="Y34" s="33"/>
    </row>
    <row r="35" spans="1:28" ht="6.75" customHeight="1" x14ac:dyDescent="0.4">
      <c r="B35" s="32"/>
      <c r="Y35" s="33"/>
    </row>
    <row r="36" spans="1:28" ht="17.25" customHeight="1" x14ac:dyDescent="0.4">
      <c r="B36" s="32"/>
      <c r="D36" s="34" t="s">
        <v>19</v>
      </c>
      <c r="E36" s="35"/>
      <c r="F36" s="35"/>
      <c r="G36" s="35"/>
      <c r="H36" s="35"/>
      <c r="I36" s="35"/>
      <c r="J36" s="35"/>
      <c r="K36" s="35"/>
      <c r="L36" s="35"/>
      <c r="M36" s="36"/>
      <c r="N36" s="34" t="s">
        <v>19</v>
      </c>
      <c r="O36" s="35"/>
      <c r="P36" s="35"/>
      <c r="Q36" s="35"/>
      <c r="R36" s="35"/>
      <c r="S36" s="35"/>
      <c r="T36" s="35"/>
      <c r="U36" s="35"/>
      <c r="V36" s="35"/>
      <c r="W36" s="35"/>
      <c r="X36" s="36"/>
      <c r="Y36" s="33"/>
    </row>
    <row r="37" spans="1:28" ht="27.75" customHeight="1" x14ac:dyDescent="0.4">
      <c r="B37" s="32"/>
      <c r="D37" s="34"/>
      <c r="E37" s="35"/>
      <c r="F37" s="35"/>
      <c r="G37" s="35"/>
      <c r="H37" s="35"/>
      <c r="I37" s="35"/>
      <c r="J37" s="35"/>
      <c r="K37" s="35"/>
      <c r="L37" s="35"/>
      <c r="M37" s="36"/>
      <c r="N37" s="34"/>
      <c r="O37" s="35"/>
      <c r="P37" s="35"/>
      <c r="Q37" s="35"/>
      <c r="R37" s="35"/>
      <c r="S37" s="35"/>
      <c r="T37" s="35"/>
      <c r="U37" s="35"/>
      <c r="V37" s="35"/>
      <c r="W37" s="35"/>
      <c r="X37" s="36"/>
      <c r="Y37" s="33"/>
    </row>
    <row r="38" spans="1:28" x14ac:dyDescent="0.15">
      <c r="A38" s="33"/>
      <c r="Y38" s="33"/>
      <c r="Z38" s="2"/>
      <c r="AA38" s="2"/>
      <c r="AB38" s="2"/>
    </row>
    <row r="39" spans="1:28" x14ac:dyDescent="0.15">
      <c r="B39" s="38"/>
      <c r="C39" s="27"/>
      <c r="D39" s="27"/>
      <c r="E39" s="27"/>
      <c r="F39" s="27"/>
      <c r="G39" s="27"/>
      <c r="H39" s="27"/>
      <c r="I39" s="27"/>
      <c r="J39" s="27"/>
      <c r="K39" s="27"/>
      <c r="L39" s="27"/>
      <c r="M39" s="27"/>
      <c r="N39" s="27"/>
      <c r="O39" s="27"/>
      <c r="P39" s="27"/>
      <c r="Q39" s="27"/>
      <c r="R39" s="27"/>
      <c r="S39" s="27"/>
      <c r="T39" s="27"/>
      <c r="U39" s="27"/>
      <c r="V39" s="27"/>
      <c r="W39" s="27"/>
      <c r="X39" s="27"/>
      <c r="Y39" s="27"/>
      <c r="Z39" s="39"/>
      <c r="AA39" s="2"/>
      <c r="AB39" s="2"/>
    </row>
    <row r="42" spans="1:28" x14ac:dyDescent="0.4">
      <c r="B42" s="1" t="s">
        <v>23</v>
      </c>
    </row>
    <row r="43" spans="1:28" x14ac:dyDescent="0.15">
      <c r="B43" s="1" t="s">
        <v>24</v>
      </c>
      <c r="D43" s="1" t="s">
        <v>25</v>
      </c>
      <c r="K43" s="2"/>
      <c r="L43" s="2"/>
      <c r="M43" s="2"/>
      <c r="N43" s="2"/>
      <c r="O43" s="2"/>
      <c r="P43" s="2"/>
      <c r="Q43" s="2"/>
      <c r="R43" s="2"/>
      <c r="S43" s="2"/>
      <c r="T43" s="2"/>
      <c r="U43" s="2"/>
      <c r="V43" s="2"/>
      <c r="W43" s="2"/>
      <c r="X43" s="2"/>
      <c r="Y43" s="2"/>
      <c r="Z43" s="2"/>
      <c r="AA43" s="2"/>
      <c r="AB43" s="2"/>
    </row>
    <row r="122" spans="3:7" x14ac:dyDescent="0.4">
      <c r="C122" s="27"/>
      <c r="D122" s="27"/>
      <c r="E122" s="27"/>
      <c r="F122" s="27"/>
      <c r="G122" s="27"/>
    </row>
    <row r="123" spans="3:7" x14ac:dyDescent="0.4">
      <c r="C123" s="16"/>
    </row>
  </sheetData>
  <mergeCells count="25">
    <mergeCell ref="D32:M32"/>
    <mergeCell ref="N32:X32"/>
    <mergeCell ref="K34:L34"/>
    <mergeCell ref="D36:M36"/>
    <mergeCell ref="N36:X36"/>
    <mergeCell ref="D37:M37"/>
    <mergeCell ref="N37:X37"/>
    <mergeCell ref="D26:M26"/>
    <mergeCell ref="N26:X26"/>
    <mergeCell ref="D27:M27"/>
    <mergeCell ref="N27:X27"/>
    <mergeCell ref="D31:M31"/>
    <mergeCell ref="N31:X31"/>
    <mergeCell ref="K19:L19"/>
    <mergeCell ref="D21:M21"/>
    <mergeCell ref="N21:X21"/>
    <mergeCell ref="D22:M22"/>
    <mergeCell ref="N22:X22"/>
    <mergeCell ref="K24:L24"/>
    <mergeCell ref="B4:Y4"/>
    <mergeCell ref="B6:F6"/>
    <mergeCell ref="G6:Y6"/>
    <mergeCell ref="B7:F7"/>
    <mergeCell ref="B8:F10"/>
    <mergeCell ref="B11:F14"/>
  </mergeCells>
  <phoneticPr fontId="3"/>
  <dataValidations count="1">
    <dataValidation type="list" allowBlank="1" showInputMessage="1" showErrorMessage="1" sqref="L7 Q7 G7:G14" xr:uid="{A306547A-77B0-413A-8FF2-63C8F78669A8}">
      <formula1>"□,■"</formula1>
    </dataValidation>
  </dataValidations>
  <pageMargins left="0.7" right="0.7" top="0.75" bottom="0.75" header="0.3" footer="0.3"/>
  <rowBreaks count="2" manualBreakCount="2">
    <brk id="58" max="27" man="1"/>
    <brk id="649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1D60862-8CF7-4A02-985A-5CF7F5B94C7C}">
  <dimension ref="A1"/>
  <sheetViews>
    <sheetView workbookViewId="0"/>
  </sheetViews>
  <sheetFormatPr defaultRowHeight="18.75" x14ac:dyDescent="0.4"/>
  <sheetData/>
  <phoneticPr fontId="3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1</vt:i4>
      </vt:variant>
    </vt:vector>
  </HeadingPairs>
  <TitlesOfParts>
    <vt:vector size="3" baseType="lpstr">
      <vt:lpstr>別紙17</vt:lpstr>
      <vt:lpstr>Sheet1</vt:lpstr>
      <vt:lpstr>別紙17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落合　忍</dc:creator>
  <cp:lastModifiedBy>落合　忍</cp:lastModifiedBy>
  <dcterms:created xsi:type="dcterms:W3CDTF">2024-03-22T04:56:11Z</dcterms:created>
  <dcterms:modified xsi:type="dcterms:W3CDTF">2024-03-22T04:56:36Z</dcterms:modified>
</cp:coreProperties>
</file>